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00056\Desktop\HP用\"/>
    </mc:Choice>
  </mc:AlternateContent>
  <xr:revisionPtr revIDLastSave="0" documentId="13_ncr:1_{633C42D0-414E-4C82-8D54-AEEF4A1393C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社会教育・生涯学習振興 " sheetId="14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9" uniqueCount="136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社会教育の核心</t>
    <phoneticPr fontId="1"/>
  </si>
  <si>
    <t>全日本社会教育連合会</t>
    <phoneticPr fontId="1"/>
  </si>
  <si>
    <t>社会教育入門</t>
    <rPh sb="4" eb="6">
      <t>ニュウモン</t>
    </rPh>
    <phoneticPr fontId="1"/>
  </si>
  <si>
    <t>大串 隆吉</t>
    <phoneticPr fontId="1"/>
  </si>
  <si>
    <t>有信堂</t>
    <phoneticPr fontId="1"/>
  </si>
  <si>
    <t>社会教育計画</t>
    <rPh sb="0" eb="4">
      <t>シャカイキョウイク</t>
    </rPh>
    <rPh sb="4" eb="6">
      <t>ケイカク</t>
    </rPh>
    <phoneticPr fontId="1"/>
  </si>
  <si>
    <t>文憲堂</t>
    <phoneticPr fontId="1"/>
  </si>
  <si>
    <t>社会教育を志す人たちへ　市民主体の地域社会教育</t>
    <phoneticPr fontId="1"/>
  </si>
  <si>
    <t>川野佐一郎</t>
    <phoneticPr fontId="1"/>
  </si>
  <si>
    <t>国土社</t>
    <phoneticPr fontId="1"/>
  </si>
  <si>
    <t>社会教育計画ハンドブック</t>
    <phoneticPr fontId="1"/>
  </si>
  <si>
    <t>今西幸蔵</t>
    <phoneticPr fontId="1"/>
  </si>
  <si>
    <t>八千代出版</t>
    <phoneticPr fontId="1"/>
  </si>
  <si>
    <t>新時代の社会教育と生涯学習</t>
    <phoneticPr fontId="1"/>
  </si>
  <si>
    <t>学文社</t>
    <phoneticPr fontId="1"/>
  </si>
  <si>
    <t>①生涯学習と社会教育</t>
    <phoneticPr fontId="1"/>
  </si>
  <si>
    <t>②社会教育と学校</t>
    <phoneticPr fontId="1"/>
  </si>
  <si>
    <t>公民館６０年　人と地域を結ぶ「社会教育」</t>
    <phoneticPr fontId="1"/>
  </si>
  <si>
    <t>田舎力　ヒト・夢・カネが集まる５つの法則</t>
    <phoneticPr fontId="1"/>
  </si>
  <si>
    <t>金丸弘美</t>
    <phoneticPr fontId="1"/>
  </si>
  <si>
    <t>ＮＨＫ出版生活人新書</t>
    <phoneticPr fontId="1"/>
  </si>
  <si>
    <t>公民館で地域がよみがえる　学習的手法による地域づくり　信州・松本からの発信</t>
    <phoneticPr fontId="1"/>
  </si>
  <si>
    <t>松本大学出版会</t>
    <phoneticPr fontId="1"/>
  </si>
  <si>
    <t>「月刊　社会教育」編集委員会</t>
    <phoneticPr fontId="1"/>
  </si>
  <si>
    <t>白戸洋　</t>
    <phoneticPr fontId="1"/>
  </si>
  <si>
    <t>よくわかる公民館のしごとⅡ　公民館関係者必携　平成２２年版</t>
    <phoneticPr fontId="1"/>
  </si>
  <si>
    <t>全国公民館連合会</t>
    <phoneticPr fontId="1"/>
  </si>
  <si>
    <t>公民館で学ぶⅢ　私たちの暮らしと地域を創る</t>
    <phoneticPr fontId="1"/>
  </si>
  <si>
    <t>長澤成次</t>
    <phoneticPr fontId="1"/>
  </si>
  <si>
    <t>社会教育法解説　公民館の建設</t>
    <phoneticPr fontId="1"/>
  </si>
  <si>
    <t>寺中作雄</t>
    <phoneticPr fontId="1"/>
  </si>
  <si>
    <t>新版　公民館ハンドブック　コミュニティー教育への道案内</t>
    <phoneticPr fontId="1"/>
  </si>
  <si>
    <t>上野景三</t>
    <phoneticPr fontId="1"/>
  </si>
  <si>
    <t>佐賀県公民館連合会</t>
    <phoneticPr fontId="1"/>
  </si>
  <si>
    <t>住民参画による社会教育の展開　社会教育委員のあゆみと役割</t>
    <phoneticPr fontId="1"/>
  </si>
  <si>
    <t>美巧社</t>
    <phoneticPr fontId="1"/>
  </si>
  <si>
    <t>生涯学習の基礎［新版］</t>
    <phoneticPr fontId="1"/>
  </si>
  <si>
    <t>新しい時代を創る社会教育　社会教育委員必携</t>
    <phoneticPr fontId="1"/>
  </si>
  <si>
    <t>伊藤俊夫</t>
    <phoneticPr fontId="1"/>
  </si>
  <si>
    <t>市民の参画と地域活力の創造　生涯学習立国論</t>
    <phoneticPr fontId="1"/>
  </si>
  <si>
    <t>三浦清一郎</t>
    <phoneticPr fontId="1"/>
  </si>
  <si>
    <t>社会教育・生涯学習の再編とソーシャル・キャピタル</t>
    <phoneticPr fontId="1"/>
  </si>
  <si>
    <t>松田武雄</t>
    <phoneticPr fontId="1"/>
  </si>
  <si>
    <t>大学教育出版</t>
    <phoneticPr fontId="1"/>
  </si>
  <si>
    <t>行政関係者のための　新訂　入門･生涯学習政策</t>
    <phoneticPr fontId="1"/>
  </si>
  <si>
    <t>岡本薫</t>
    <phoneticPr fontId="1"/>
  </si>
  <si>
    <t>生涯学習政策研究－生涯学習をとらえなおす　ソーシャルキャピタルの視点から</t>
    <phoneticPr fontId="1"/>
  </si>
  <si>
    <t>文部科学省生涯学習政策局</t>
    <phoneticPr fontId="1"/>
  </si>
  <si>
    <t>悠光堂</t>
    <phoneticPr fontId="1"/>
  </si>
  <si>
    <t>生涯学習政策研究－生涯学習をとらえなおす　市民協働による教育行政</t>
    <phoneticPr fontId="1"/>
  </si>
  <si>
    <t>鈴木眞理　大島まな　清國祐二</t>
    <phoneticPr fontId="1"/>
  </si>
  <si>
    <t>松田武雄　</t>
    <phoneticPr fontId="1"/>
  </si>
  <si>
    <t>世代間格差－人口減少社会を問い直す</t>
    <phoneticPr fontId="1"/>
  </si>
  <si>
    <t>加藤久和</t>
    <phoneticPr fontId="1"/>
  </si>
  <si>
    <t>ちくま新書</t>
    <phoneticPr fontId="1"/>
  </si>
  <si>
    <t>社会調査のための計量テキスト分析　　内容分析の継承と発展を目指して</t>
    <phoneticPr fontId="1"/>
  </si>
  <si>
    <t>樋口耕一</t>
    <phoneticPr fontId="1"/>
  </si>
  <si>
    <t>ナカニシヤ出版</t>
    <phoneticPr fontId="1"/>
  </si>
  <si>
    <t>現代の貧困と社会教育－地域に根ざす生涯学習ー</t>
    <phoneticPr fontId="1"/>
  </si>
  <si>
    <t>公民館職員の仕事　地域の未来づくりと公民館の役割</t>
    <phoneticPr fontId="1"/>
  </si>
  <si>
    <t>片野親義</t>
    <phoneticPr fontId="1"/>
  </si>
  <si>
    <t>ひとなる書房</t>
    <phoneticPr fontId="1"/>
  </si>
  <si>
    <t>新版　生涯学習と　地域社会教育</t>
    <phoneticPr fontId="1"/>
  </si>
  <si>
    <t>春風社</t>
    <phoneticPr fontId="1"/>
  </si>
  <si>
    <t>公民館で地域がよみがえる　学習的手法による地域づくり　信州･松本からの発信</t>
    <phoneticPr fontId="1"/>
  </si>
  <si>
    <t>白戸洋</t>
    <phoneticPr fontId="1"/>
  </si>
  <si>
    <t>縮充する日本｢参加」が創り出す人口減少社会の希望</t>
    <phoneticPr fontId="1"/>
  </si>
  <si>
    <t>谷益美</t>
    <phoneticPr fontId="1"/>
  </si>
  <si>
    <t>すばる舎</t>
    <phoneticPr fontId="1"/>
  </si>
  <si>
    <t>多文化共生社会におけるESD・市民教育</t>
    <phoneticPr fontId="1"/>
  </si>
  <si>
    <t>末本誠  松田武雄</t>
    <phoneticPr fontId="1"/>
  </si>
  <si>
    <t>田中治彦    杉村美紀</t>
    <phoneticPr fontId="1"/>
  </si>
  <si>
    <t>上田幸夫  辻浩</t>
    <phoneticPr fontId="1"/>
  </si>
  <si>
    <t>上智大学出版</t>
    <phoneticPr fontId="1"/>
  </si>
  <si>
    <t>日本青年館</t>
    <phoneticPr fontId="1"/>
  </si>
  <si>
    <t>新訂　よくわかる公民館のしごと</t>
    <phoneticPr fontId="1"/>
  </si>
  <si>
    <t>『公民館Ｑ＆Ａ』社会教育法第二十三条と公民館諸問題を考える</t>
    <phoneticPr fontId="1"/>
  </si>
  <si>
    <t>朱膳寺宏一</t>
    <phoneticPr fontId="1"/>
  </si>
  <si>
    <t>本吉出版</t>
    <phoneticPr fontId="1"/>
  </si>
  <si>
    <t>(一社)全国社会教育委員連合</t>
    <phoneticPr fontId="1"/>
  </si>
  <si>
    <t>地域をコーディネートする社会教育：新社会教育計画</t>
    <phoneticPr fontId="1"/>
  </si>
  <si>
    <t>浅井経子</t>
    <phoneticPr fontId="1"/>
  </si>
  <si>
    <t>理想社</t>
    <phoneticPr fontId="1"/>
  </si>
  <si>
    <t>公民館必携　平成29年版</t>
    <phoneticPr fontId="1"/>
  </si>
  <si>
    <t>第一法規</t>
    <phoneticPr fontId="1"/>
  </si>
  <si>
    <t>公民館をどう実践していくのか</t>
    <phoneticPr fontId="1"/>
  </si>
  <si>
    <t>公民館はどう語られてきたのか</t>
    <phoneticPr fontId="1"/>
  </si>
  <si>
    <t>公民館はだれのものⅡ</t>
    <phoneticPr fontId="1"/>
  </si>
  <si>
    <t>牧野篤</t>
    <phoneticPr fontId="1"/>
  </si>
  <si>
    <t>東京大学出版会</t>
    <phoneticPr fontId="1"/>
  </si>
  <si>
    <t>自治体研究社</t>
    <phoneticPr fontId="1"/>
  </si>
  <si>
    <t>社会教育経営の基礎</t>
    <phoneticPr fontId="1"/>
  </si>
  <si>
    <t>山本珠美   熊谷慎之輔</t>
    <phoneticPr fontId="1"/>
  </si>
  <si>
    <t>幸福の測定　ウェルビーイングを理解する</t>
    <phoneticPr fontId="1"/>
  </si>
  <si>
    <t>鶴見哲也  藤井秀道  馬奈木俊介</t>
    <phoneticPr fontId="1"/>
  </si>
  <si>
    <t>中央経済社</t>
    <phoneticPr fontId="1"/>
  </si>
  <si>
    <t>学ばないこと・学ぶこと</t>
    <phoneticPr fontId="1"/>
  </si>
  <si>
    <t>鈴木真理</t>
    <phoneticPr fontId="1"/>
  </si>
  <si>
    <t>農的な生活が面白い</t>
    <phoneticPr fontId="1"/>
  </si>
  <si>
    <t>「つくる生活」がおもしろい</t>
    <phoneticPr fontId="1"/>
  </si>
  <si>
    <t>社会教育新論</t>
    <phoneticPr fontId="1"/>
  </si>
  <si>
    <t>さくら舎</t>
    <phoneticPr fontId="1"/>
  </si>
  <si>
    <t>ミネルヴァ書</t>
    <phoneticPr fontId="1"/>
  </si>
  <si>
    <t>よくわかる公民館の仕事　第３版</t>
    <phoneticPr fontId="1"/>
  </si>
  <si>
    <t>公民館のしあさって</t>
    <phoneticPr fontId="1"/>
  </si>
  <si>
    <t>人生１００年時代の多世代共生</t>
    <phoneticPr fontId="1"/>
  </si>
  <si>
    <t>公益社団法人全国公民館連合会</t>
    <phoneticPr fontId="1"/>
  </si>
  <si>
    <t>公民館のしあさって出版委員会</t>
    <phoneticPr fontId="1"/>
  </si>
  <si>
    <t>ポーダーイン</t>
    <phoneticPr fontId="1"/>
  </si>
  <si>
    <t>社会教育行政職員のための「虎の巻」</t>
    <phoneticPr fontId="1"/>
  </si>
  <si>
    <t>「ちいさな社会」を愉しく生きる</t>
    <phoneticPr fontId="1"/>
  </si>
  <si>
    <t>井上昌幸</t>
    <phoneticPr fontId="1"/>
  </si>
  <si>
    <r>
      <t>１．社会教育・生涯学習振興</t>
    </r>
    <r>
      <rPr>
        <sz val="12"/>
        <color theme="1"/>
        <rFont val="メイリオ"/>
        <family val="3"/>
        <charset val="128"/>
      </rPr>
      <t>（公民館、社会教育委員等)</t>
    </r>
    <rPh sb="7" eb="9">
      <t>ショウガイ</t>
    </rPh>
    <rPh sb="9" eb="11">
      <t>ガクシュウ</t>
    </rPh>
    <rPh sb="11" eb="13">
      <t>シンコウ</t>
    </rPh>
    <rPh sb="14" eb="17">
      <t>コウミンカン</t>
    </rPh>
    <rPh sb="18" eb="24">
      <t>シャカイキョウイクイイン</t>
    </rPh>
    <rPh sb="24" eb="25">
      <t>トウ</t>
    </rPh>
    <phoneticPr fontId="1"/>
  </si>
  <si>
    <t>発行年</t>
    <rPh sb="0" eb="2">
      <t>ハッコウ</t>
    </rPh>
    <rPh sb="2" eb="3">
      <t>ネン</t>
    </rPh>
    <phoneticPr fontId="1"/>
  </si>
  <si>
    <t>山本恒夫　浅井経子　山本和人</t>
    <phoneticPr fontId="1"/>
  </si>
  <si>
    <t>国生寿　八木隆明　吉富啓一郎</t>
    <phoneticPr fontId="1"/>
  </si>
  <si>
    <t>鈴木眞理　松岡廣路　</t>
    <phoneticPr fontId="1"/>
  </si>
  <si>
    <t>鈴木眞理　佐々木英和　</t>
    <phoneticPr fontId="1"/>
  </si>
  <si>
    <t>鈴木眞理　永井健夫　梨本雄太郎</t>
    <phoneticPr fontId="1"/>
  </si>
  <si>
    <t>社団法人全国社会教育委員連合</t>
    <rPh sb="0" eb="4">
      <t>シャダンホウジン</t>
    </rPh>
    <rPh sb="4" eb="6">
      <t>ゼンコク</t>
    </rPh>
    <rPh sb="6" eb="10">
      <t>シャカイキョウイク</t>
    </rPh>
    <rPh sb="10" eb="12">
      <t>イイン</t>
    </rPh>
    <rPh sb="12" eb="14">
      <t>レンゴウ</t>
    </rPh>
    <phoneticPr fontId="1"/>
  </si>
  <si>
    <t>新たな社会教育像を描く</t>
    <phoneticPr fontId="7"/>
  </si>
  <si>
    <t>牧野篤　他</t>
    <phoneticPr fontId="7"/>
  </si>
  <si>
    <t>博英社</t>
    <phoneticPr fontId="7"/>
  </si>
  <si>
    <t>公民館を再発明する</t>
    <phoneticPr fontId="7"/>
  </si>
  <si>
    <t>牧野篤</t>
    <rPh sb="0" eb="3">
      <t>マキノアツシ</t>
    </rPh>
    <phoneticPr fontId="7"/>
  </si>
  <si>
    <t>東京大学出版会</t>
    <rPh sb="0" eb="4">
      <t>トウキョウダイガク</t>
    </rPh>
    <rPh sb="4" eb="7">
      <t>シュッパンカイ</t>
    </rPh>
    <phoneticPr fontId="7"/>
  </si>
  <si>
    <t>地方自治の未来をひらく社会教育</t>
    <phoneticPr fontId="7"/>
  </si>
  <si>
    <t>辻浩　細山俊男　他</t>
    <phoneticPr fontId="7"/>
  </si>
  <si>
    <t>自治体研究社</t>
    <phoneticPr fontId="7"/>
  </si>
  <si>
    <t>テキストブック　社会教育論</t>
    <phoneticPr fontId="7"/>
  </si>
  <si>
    <t>石井山竜平　佐藤一子</t>
    <phoneticPr fontId="7"/>
  </si>
  <si>
    <t>旬報社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9"/>
      <name val="メイリオ"/>
      <family val="3"/>
      <charset val="128"/>
    </font>
    <font>
      <sz val="6"/>
      <name val="ＭＳ Ｐ明朝"/>
      <family val="1"/>
      <charset val="128"/>
    </font>
    <font>
      <sz val="9"/>
      <color rgb="FF000000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>
      <alignment vertical="center"/>
    </xf>
    <xf numFmtId="0" fontId="0" fillId="0" borderId="0" xfId="0" applyBorder="1">
      <alignment vertical="center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6" fillId="0" borderId="1" xfId="0" applyFont="1" applyBorder="1" applyAlignment="1">
      <alignment wrapText="1" shrinkToFit="1"/>
    </xf>
    <xf numFmtId="0" fontId="8" fillId="0" borderId="1" xfId="0" applyFont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69"/>
  <sheetViews>
    <sheetView tabSelected="1" topLeftCell="A49" workbookViewId="0">
      <selection activeCell="C59" sqref="C59"/>
    </sheetView>
  </sheetViews>
  <sheetFormatPr defaultRowHeight="18" x14ac:dyDescent="0.55000000000000004"/>
  <cols>
    <col min="1" max="1" width="8.6640625" customWidth="1"/>
    <col min="2" max="2" width="63.25" customWidth="1"/>
    <col min="3" max="3" width="21.83203125" customWidth="1"/>
    <col min="4" max="4" width="18.33203125" customWidth="1"/>
  </cols>
  <sheetData>
    <row r="1" spans="1:5" ht="26.5" customHeight="1" x14ac:dyDescent="0.55000000000000004">
      <c r="A1" s="10" t="s">
        <v>116</v>
      </c>
      <c r="B1" s="10"/>
      <c r="C1" s="10"/>
      <c r="D1" s="10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117</v>
      </c>
    </row>
    <row r="3" spans="1:5" ht="18" customHeight="1" x14ac:dyDescent="0.55000000000000004">
      <c r="A3" s="5">
        <v>100001</v>
      </c>
      <c r="B3" s="2" t="s">
        <v>4</v>
      </c>
      <c r="C3" s="4" t="s">
        <v>54</v>
      </c>
      <c r="D3" s="2" t="s">
        <v>5</v>
      </c>
      <c r="E3" s="5">
        <v>2010</v>
      </c>
    </row>
    <row r="4" spans="1:5" x14ac:dyDescent="0.55000000000000004">
      <c r="A4" s="5">
        <v>100002</v>
      </c>
      <c r="B4" s="2" t="s">
        <v>6</v>
      </c>
      <c r="C4" s="2" t="s">
        <v>7</v>
      </c>
      <c r="D4" s="2" t="s">
        <v>8</v>
      </c>
      <c r="E4" s="5">
        <v>2008</v>
      </c>
    </row>
    <row r="5" spans="1:5" x14ac:dyDescent="0.55000000000000004">
      <c r="A5" s="5">
        <v>100003</v>
      </c>
      <c r="B5" s="2" t="s">
        <v>9</v>
      </c>
      <c r="C5" s="3" t="s">
        <v>118</v>
      </c>
      <c r="D5" s="2" t="s">
        <v>10</v>
      </c>
      <c r="E5" s="5">
        <v>2007</v>
      </c>
    </row>
    <row r="6" spans="1:5" x14ac:dyDescent="0.55000000000000004">
      <c r="A6" s="5">
        <v>100004</v>
      </c>
      <c r="B6" s="2" t="s">
        <v>14</v>
      </c>
      <c r="C6" s="2" t="s">
        <v>15</v>
      </c>
      <c r="D6" s="2" t="s">
        <v>16</v>
      </c>
      <c r="E6" s="5">
        <v>2004</v>
      </c>
    </row>
    <row r="7" spans="1:5" x14ac:dyDescent="0.55000000000000004">
      <c r="A7" s="5">
        <v>100006</v>
      </c>
      <c r="B7" s="2" t="s">
        <v>11</v>
      </c>
      <c r="C7" s="2" t="s">
        <v>12</v>
      </c>
      <c r="D7" s="2" t="s">
        <v>13</v>
      </c>
      <c r="E7" s="5">
        <v>2007</v>
      </c>
    </row>
    <row r="8" spans="1:5" x14ac:dyDescent="0.55000000000000004">
      <c r="A8" s="5">
        <v>100007</v>
      </c>
      <c r="B8" s="2" t="s">
        <v>17</v>
      </c>
      <c r="C8" s="3" t="s">
        <v>119</v>
      </c>
      <c r="D8" s="2" t="s">
        <v>18</v>
      </c>
      <c r="E8" s="5">
        <v>2010</v>
      </c>
    </row>
    <row r="9" spans="1:5" x14ac:dyDescent="0.55000000000000004">
      <c r="A9" s="5">
        <v>100008</v>
      </c>
      <c r="B9" s="2" t="s">
        <v>19</v>
      </c>
      <c r="C9" s="4" t="s">
        <v>120</v>
      </c>
      <c r="D9" s="2" t="s">
        <v>18</v>
      </c>
      <c r="E9" s="5">
        <v>2003</v>
      </c>
    </row>
    <row r="10" spans="1:5" x14ac:dyDescent="0.55000000000000004">
      <c r="A10" s="5">
        <v>100009</v>
      </c>
      <c r="B10" s="2" t="s">
        <v>20</v>
      </c>
      <c r="C10" s="2" t="s">
        <v>121</v>
      </c>
      <c r="D10" s="2" t="s">
        <v>18</v>
      </c>
      <c r="E10" s="5">
        <v>2003</v>
      </c>
    </row>
    <row r="11" spans="1:5" x14ac:dyDescent="0.55000000000000004">
      <c r="A11" s="5">
        <v>100010</v>
      </c>
      <c r="B11" s="2" t="s">
        <v>21</v>
      </c>
      <c r="C11" s="3" t="s">
        <v>27</v>
      </c>
      <c r="D11" s="2" t="s">
        <v>13</v>
      </c>
      <c r="E11" s="5">
        <v>2005</v>
      </c>
    </row>
    <row r="12" spans="1:5" x14ac:dyDescent="0.55000000000000004">
      <c r="A12" s="5">
        <v>100017</v>
      </c>
      <c r="B12" s="2" t="s">
        <v>22</v>
      </c>
      <c r="C12" s="2" t="s">
        <v>23</v>
      </c>
      <c r="D12" s="2" t="s">
        <v>24</v>
      </c>
      <c r="E12" s="5">
        <v>2009</v>
      </c>
    </row>
    <row r="13" spans="1:5" x14ac:dyDescent="0.55000000000000004">
      <c r="A13" s="5">
        <v>100020</v>
      </c>
      <c r="B13" s="2" t="s">
        <v>25</v>
      </c>
      <c r="C13" s="2" t="s">
        <v>28</v>
      </c>
      <c r="D13" s="2" t="s">
        <v>26</v>
      </c>
      <c r="E13" s="5">
        <v>2010</v>
      </c>
    </row>
    <row r="14" spans="1:5" x14ac:dyDescent="0.55000000000000004">
      <c r="A14" s="5">
        <v>100021</v>
      </c>
      <c r="B14" s="2" t="s">
        <v>29</v>
      </c>
      <c r="C14" s="2"/>
      <c r="D14" s="2" t="s">
        <v>30</v>
      </c>
      <c r="E14" s="5">
        <v>2010</v>
      </c>
    </row>
    <row r="15" spans="1:5" x14ac:dyDescent="0.55000000000000004">
      <c r="A15" s="5">
        <v>100022</v>
      </c>
      <c r="B15" s="2" t="s">
        <v>31</v>
      </c>
      <c r="C15" s="2" t="s">
        <v>32</v>
      </c>
      <c r="D15" s="2" t="s">
        <v>13</v>
      </c>
      <c r="E15" s="5">
        <v>2008</v>
      </c>
    </row>
    <row r="16" spans="1:5" x14ac:dyDescent="0.55000000000000004">
      <c r="A16" s="5">
        <v>100023</v>
      </c>
      <c r="B16" s="2" t="s">
        <v>33</v>
      </c>
      <c r="C16" s="2" t="s">
        <v>34</v>
      </c>
      <c r="D16" s="2" t="s">
        <v>13</v>
      </c>
      <c r="E16" s="5">
        <v>1995</v>
      </c>
    </row>
    <row r="17" spans="1:5" x14ac:dyDescent="0.55000000000000004">
      <c r="A17" s="5">
        <v>110009</v>
      </c>
      <c r="B17" s="2" t="s">
        <v>35</v>
      </c>
      <c r="C17" s="2" t="s">
        <v>36</v>
      </c>
      <c r="D17" s="2" t="s">
        <v>37</v>
      </c>
      <c r="E17" s="5">
        <v>2009</v>
      </c>
    </row>
    <row r="18" spans="1:5" x14ac:dyDescent="0.55000000000000004">
      <c r="A18" s="5">
        <v>110011</v>
      </c>
      <c r="B18" s="2" t="s">
        <v>38</v>
      </c>
      <c r="C18" s="2" t="s">
        <v>123</v>
      </c>
      <c r="D18" s="2" t="s">
        <v>39</v>
      </c>
      <c r="E18" s="5">
        <v>2008</v>
      </c>
    </row>
    <row r="19" spans="1:5" ht="29" x14ac:dyDescent="0.55000000000000004">
      <c r="A19" s="5">
        <v>110020</v>
      </c>
      <c r="B19" s="2" t="s">
        <v>40</v>
      </c>
      <c r="C19" s="3" t="s">
        <v>122</v>
      </c>
      <c r="D19" s="2" t="s">
        <v>18</v>
      </c>
      <c r="E19" s="5">
        <v>2011</v>
      </c>
    </row>
    <row r="20" spans="1:5" x14ac:dyDescent="0.55000000000000004">
      <c r="A20" s="5">
        <v>120020</v>
      </c>
      <c r="B20" s="2" t="s">
        <v>41</v>
      </c>
      <c r="C20" s="2" t="s">
        <v>42</v>
      </c>
      <c r="D20" s="2" t="s">
        <v>5</v>
      </c>
      <c r="E20" s="5">
        <v>2008</v>
      </c>
    </row>
    <row r="21" spans="1:5" x14ac:dyDescent="0.55000000000000004">
      <c r="A21" s="5">
        <v>120022</v>
      </c>
      <c r="B21" s="2" t="s">
        <v>43</v>
      </c>
      <c r="C21" s="3" t="s">
        <v>44</v>
      </c>
      <c r="D21" s="2" t="s">
        <v>18</v>
      </c>
      <c r="E21" s="5">
        <v>2006</v>
      </c>
    </row>
    <row r="22" spans="1:5" x14ac:dyDescent="0.55000000000000004">
      <c r="A22" s="5">
        <v>120023</v>
      </c>
      <c r="B22" s="2" t="s">
        <v>45</v>
      </c>
      <c r="C22" s="2" t="s">
        <v>46</v>
      </c>
      <c r="D22" s="2" t="s">
        <v>47</v>
      </c>
      <c r="E22" s="5">
        <v>2012</v>
      </c>
    </row>
    <row r="23" spans="1:5" x14ac:dyDescent="0.55000000000000004">
      <c r="A23" s="5">
        <v>130002</v>
      </c>
      <c r="B23" s="2" t="s">
        <v>48</v>
      </c>
      <c r="C23" s="2" t="s">
        <v>49</v>
      </c>
      <c r="D23" s="2" t="s">
        <v>5</v>
      </c>
      <c r="E23" s="5">
        <v>1994</v>
      </c>
    </row>
    <row r="24" spans="1:5" x14ac:dyDescent="0.55000000000000004">
      <c r="A24" s="5">
        <v>130003</v>
      </c>
      <c r="B24" s="2" t="s">
        <v>50</v>
      </c>
      <c r="C24" s="2" t="s">
        <v>51</v>
      </c>
      <c r="D24" s="2" t="s">
        <v>52</v>
      </c>
      <c r="E24" s="5">
        <v>2012</v>
      </c>
    </row>
    <row r="25" spans="1:5" x14ac:dyDescent="0.55000000000000004">
      <c r="A25" s="5">
        <v>130004</v>
      </c>
      <c r="B25" s="2" t="s">
        <v>53</v>
      </c>
      <c r="C25" s="2" t="s">
        <v>51</v>
      </c>
      <c r="D25" s="2" t="s">
        <v>52</v>
      </c>
      <c r="E25" s="5">
        <v>2013</v>
      </c>
    </row>
    <row r="26" spans="1:5" x14ac:dyDescent="0.55000000000000004">
      <c r="A26" s="5">
        <v>130008</v>
      </c>
      <c r="B26" s="2" t="s">
        <v>4</v>
      </c>
      <c r="C26" s="2" t="s">
        <v>54</v>
      </c>
      <c r="D26" s="2" t="s">
        <v>5</v>
      </c>
      <c r="E26" s="5">
        <v>2010</v>
      </c>
    </row>
    <row r="27" spans="1:5" x14ac:dyDescent="0.55000000000000004">
      <c r="A27" s="5">
        <v>130009</v>
      </c>
      <c r="B27" s="2" t="s">
        <v>45</v>
      </c>
      <c r="C27" s="2" t="s">
        <v>55</v>
      </c>
      <c r="D27" s="2" t="s">
        <v>47</v>
      </c>
      <c r="E27" s="5">
        <v>2012</v>
      </c>
    </row>
    <row r="28" spans="1:5" x14ac:dyDescent="0.55000000000000004">
      <c r="A28" s="5">
        <v>130025</v>
      </c>
      <c r="B28" s="2" t="s">
        <v>56</v>
      </c>
      <c r="C28" s="2" t="s">
        <v>57</v>
      </c>
      <c r="D28" s="2" t="s">
        <v>58</v>
      </c>
      <c r="E28" s="5">
        <v>2011</v>
      </c>
    </row>
    <row r="29" spans="1:5" x14ac:dyDescent="0.55000000000000004">
      <c r="A29" s="5">
        <v>140011</v>
      </c>
      <c r="B29" s="2" t="s">
        <v>59</v>
      </c>
      <c r="C29" s="2" t="s">
        <v>60</v>
      </c>
      <c r="D29" s="2" t="s">
        <v>61</v>
      </c>
      <c r="E29" s="5">
        <v>2014</v>
      </c>
    </row>
    <row r="30" spans="1:5" x14ac:dyDescent="0.55000000000000004">
      <c r="A30" s="5">
        <v>150016</v>
      </c>
      <c r="B30" s="2" t="s">
        <v>62</v>
      </c>
      <c r="C30" s="2" t="s">
        <v>76</v>
      </c>
      <c r="D30" s="2" t="s">
        <v>13</v>
      </c>
      <c r="E30" s="5">
        <v>2009</v>
      </c>
    </row>
    <row r="31" spans="1:5" x14ac:dyDescent="0.55000000000000004">
      <c r="A31" s="5">
        <v>160002</v>
      </c>
      <c r="B31" s="2" t="s">
        <v>63</v>
      </c>
      <c r="C31" s="2" t="s">
        <v>64</v>
      </c>
      <c r="D31" s="2" t="s">
        <v>65</v>
      </c>
      <c r="E31" s="5">
        <v>2015</v>
      </c>
    </row>
    <row r="32" spans="1:5" x14ac:dyDescent="0.55000000000000004">
      <c r="A32" s="5">
        <v>160003</v>
      </c>
      <c r="B32" s="2" t="s">
        <v>63</v>
      </c>
      <c r="C32" s="2" t="s">
        <v>64</v>
      </c>
      <c r="D32" s="2" t="s">
        <v>65</v>
      </c>
      <c r="E32" s="5">
        <v>2015</v>
      </c>
    </row>
    <row r="33" spans="1:5" x14ac:dyDescent="0.55000000000000004">
      <c r="A33" s="5">
        <v>160012</v>
      </c>
      <c r="B33" s="2" t="s">
        <v>66</v>
      </c>
      <c r="C33" s="2" t="s">
        <v>74</v>
      </c>
      <c r="D33" s="2" t="s">
        <v>67</v>
      </c>
      <c r="E33" s="5">
        <v>2004</v>
      </c>
    </row>
    <row r="34" spans="1:5" x14ac:dyDescent="0.55000000000000004">
      <c r="A34" s="5">
        <v>160013</v>
      </c>
      <c r="B34" s="2" t="s">
        <v>68</v>
      </c>
      <c r="C34" s="2" t="s">
        <v>69</v>
      </c>
      <c r="D34" s="2" t="s">
        <v>26</v>
      </c>
      <c r="E34" s="5">
        <v>2010</v>
      </c>
    </row>
    <row r="35" spans="1:5" x14ac:dyDescent="0.55000000000000004">
      <c r="A35" s="5">
        <v>160017</v>
      </c>
      <c r="B35" s="2" t="s">
        <v>70</v>
      </c>
      <c r="C35" s="2" t="s">
        <v>71</v>
      </c>
      <c r="D35" s="2" t="s">
        <v>72</v>
      </c>
      <c r="E35" s="5">
        <v>2016</v>
      </c>
    </row>
    <row r="36" spans="1:5" x14ac:dyDescent="0.55000000000000004">
      <c r="A36" s="5">
        <v>160022</v>
      </c>
      <c r="B36" s="2" t="s">
        <v>73</v>
      </c>
      <c r="C36" s="2" t="s">
        <v>75</v>
      </c>
      <c r="D36" s="2" t="s">
        <v>77</v>
      </c>
      <c r="E36" s="5">
        <v>2014</v>
      </c>
    </row>
    <row r="37" spans="1:5" x14ac:dyDescent="0.55000000000000004">
      <c r="A37" s="5">
        <v>170002</v>
      </c>
      <c r="B37" s="2" t="s">
        <v>48</v>
      </c>
      <c r="C37" s="2" t="s">
        <v>49</v>
      </c>
      <c r="D37" s="2" t="s">
        <v>78</v>
      </c>
      <c r="E37" s="5">
        <v>1994</v>
      </c>
    </row>
    <row r="38" spans="1:5" x14ac:dyDescent="0.55000000000000004">
      <c r="A38" s="5">
        <v>170004</v>
      </c>
      <c r="B38" s="2" t="s">
        <v>79</v>
      </c>
      <c r="C38" s="2" t="s">
        <v>30</v>
      </c>
      <c r="D38" s="2" t="s">
        <v>88</v>
      </c>
      <c r="E38" s="5">
        <v>2017</v>
      </c>
    </row>
    <row r="39" spans="1:5" x14ac:dyDescent="0.55000000000000004">
      <c r="A39" s="5">
        <v>180001</v>
      </c>
      <c r="B39" s="2" t="s">
        <v>80</v>
      </c>
      <c r="C39" s="2" t="s">
        <v>81</v>
      </c>
      <c r="D39" s="2" t="s">
        <v>82</v>
      </c>
      <c r="E39" s="5">
        <v>2016</v>
      </c>
    </row>
    <row r="40" spans="1:5" x14ac:dyDescent="0.55000000000000004">
      <c r="A40" s="5">
        <v>180003</v>
      </c>
      <c r="B40" s="2" t="s">
        <v>38</v>
      </c>
      <c r="C40" s="2" t="s">
        <v>83</v>
      </c>
      <c r="D40" s="2" t="s">
        <v>39</v>
      </c>
      <c r="E40" s="5">
        <v>2008</v>
      </c>
    </row>
    <row r="41" spans="1:5" x14ac:dyDescent="0.55000000000000004">
      <c r="A41" s="5">
        <v>200005</v>
      </c>
      <c r="B41" s="2" t="s">
        <v>84</v>
      </c>
      <c r="C41" s="2" t="s">
        <v>85</v>
      </c>
      <c r="D41" s="2" t="s">
        <v>86</v>
      </c>
      <c r="E41" s="5">
        <v>2015</v>
      </c>
    </row>
    <row r="42" spans="1:5" x14ac:dyDescent="0.55000000000000004">
      <c r="A42" s="5">
        <v>200007</v>
      </c>
      <c r="B42" s="2" t="s">
        <v>87</v>
      </c>
      <c r="C42" s="2" t="s">
        <v>30</v>
      </c>
      <c r="D42" s="2" t="s">
        <v>88</v>
      </c>
      <c r="E42" s="5">
        <v>2017</v>
      </c>
    </row>
    <row r="43" spans="1:5" x14ac:dyDescent="0.55000000000000004">
      <c r="A43" s="5">
        <v>200008</v>
      </c>
      <c r="B43" s="2" t="s">
        <v>89</v>
      </c>
      <c r="C43" s="2" t="s">
        <v>92</v>
      </c>
      <c r="D43" s="2" t="s">
        <v>93</v>
      </c>
      <c r="E43" s="5">
        <v>2019</v>
      </c>
    </row>
    <row r="44" spans="1:5" x14ac:dyDescent="0.55000000000000004">
      <c r="A44" s="5">
        <v>200009</v>
      </c>
      <c r="B44" s="2" t="s">
        <v>90</v>
      </c>
      <c r="C44" s="2" t="s">
        <v>92</v>
      </c>
      <c r="D44" s="2" t="s">
        <v>93</v>
      </c>
      <c r="E44" s="5">
        <v>2018</v>
      </c>
    </row>
    <row r="45" spans="1:5" x14ac:dyDescent="0.55000000000000004">
      <c r="A45" s="5">
        <v>200010</v>
      </c>
      <c r="B45" s="2" t="s">
        <v>91</v>
      </c>
      <c r="C45" s="2" t="s">
        <v>32</v>
      </c>
      <c r="D45" s="2" t="s">
        <v>94</v>
      </c>
      <c r="E45" s="5">
        <v>2019</v>
      </c>
    </row>
    <row r="46" spans="1:5" x14ac:dyDescent="0.55000000000000004">
      <c r="A46" s="5">
        <v>210006</v>
      </c>
      <c r="B46" s="2" t="s">
        <v>95</v>
      </c>
      <c r="C46" s="2" t="s">
        <v>96</v>
      </c>
      <c r="D46" s="2" t="s">
        <v>18</v>
      </c>
      <c r="E46" s="5">
        <v>2021</v>
      </c>
    </row>
    <row r="47" spans="1:5" x14ac:dyDescent="0.55000000000000004">
      <c r="A47" s="5">
        <v>230006</v>
      </c>
      <c r="B47" s="2" t="s">
        <v>97</v>
      </c>
      <c r="C47" s="2" t="s">
        <v>98</v>
      </c>
      <c r="D47" s="2" t="s">
        <v>99</v>
      </c>
      <c r="E47" s="5">
        <v>2021</v>
      </c>
    </row>
    <row r="48" spans="1:5" x14ac:dyDescent="0.55000000000000004">
      <c r="A48" s="5">
        <v>230007</v>
      </c>
      <c r="B48" s="2" t="s">
        <v>100</v>
      </c>
      <c r="C48" s="2" t="s">
        <v>101</v>
      </c>
      <c r="D48" s="2" t="s">
        <v>18</v>
      </c>
      <c r="E48" s="5">
        <v>2006</v>
      </c>
    </row>
    <row r="49" spans="1:5" x14ac:dyDescent="0.55000000000000004">
      <c r="A49" s="5">
        <v>230024</v>
      </c>
      <c r="B49" s="2" t="s">
        <v>102</v>
      </c>
      <c r="C49" s="2" t="s">
        <v>92</v>
      </c>
      <c r="D49" s="2" t="s">
        <v>105</v>
      </c>
      <c r="E49" s="5">
        <v>2014</v>
      </c>
    </row>
    <row r="50" spans="1:5" x14ac:dyDescent="0.55000000000000004">
      <c r="A50" s="5">
        <v>230025</v>
      </c>
      <c r="B50" s="2" t="s">
        <v>103</v>
      </c>
      <c r="C50" s="2" t="s">
        <v>92</v>
      </c>
      <c r="D50" s="2" t="s">
        <v>105</v>
      </c>
      <c r="E50" s="5">
        <v>2017</v>
      </c>
    </row>
    <row r="51" spans="1:5" x14ac:dyDescent="0.55000000000000004">
      <c r="A51" s="5">
        <v>230026</v>
      </c>
      <c r="B51" s="2" t="s">
        <v>104</v>
      </c>
      <c r="C51" s="2" t="s">
        <v>92</v>
      </c>
      <c r="D51" s="2" t="s">
        <v>106</v>
      </c>
      <c r="E51" s="5">
        <v>2022</v>
      </c>
    </row>
    <row r="52" spans="1:5" x14ac:dyDescent="0.55000000000000004">
      <c r="A52" s="5">
        <v>230027</v>
      </c>
      <c r="B52" s="2" t="s">
        <v>107</v>
      </c>
      <c r="C52" s="2" t="s">
        <v>110</v>
      </c>
      <c r="D52" s="2" t="s">
        <v>88</v>
      </c>
      <c r="E52" s="5">
        <v>2017</v>
      </c>
    </row>
    <row r="53" spans="1:5" x14ac:dyDescent="0.55000000000000004">
      <c r="A53" s="5">
        <v>230028</v>
      </c>
      <c r="B53" s="2" t="s">
        <v>108</v>
      </c>
      <c r="C53" s="2" t="s">
        <v>111</v>
      </c>
      <c r="D53" s="2" t="s">
        <v>112</v>
      </c>
      <c r="E53" s="5">
        <v>2021</v>
      </c>
    </row>
    <row r="54" spans="1:5" x14ac:dyDescent="0.55000000000000004">
      <c r="A54" s="5">
        <v>230029</v>
      </c>
      <c r="B54" s="2" t="s">
        <v>109</v>
      </c>
      <c r="C54" s="2" t="s">
        <v>92</v>
      </c>
      <c r="D54" s="2" t="s">
        <v>93</v>
      </c>
      <c r="E54" s="5">
        <v>2020</v>
      </c>
    </row>
    <row r="55" spans="1:5" x14ac:dyDescent="0.55000000000000004">
      <c r="A55" s="5">
        <v>240002</v>
      </c>
      <c r="B55" s="2" t="s">
        <v>113</v>
      </c>
      <c r="C55" s="2" t="s">
        <v>115</v>
      </c>
      <c r="D55" s="2" t="s">
        <v>78</v>
      </c>
      <c r="E55" s="5">
        <v>2020</v>
      </c>
    </row>
    <row r="56" spans="1:5" x14ac:dyDescent="0.55000000000000004">
      <c r="A56" s="5">
        <v>240005</v>
      </c>
      <c r="B56" s="2" t="s">
        <v>114</v>
      </c>
      <c r="C56" s="2" t="s">
        <v>92</v>
      </c>
      <c r="D56" s="2" t="s">
        <v>105</v>
      </c>
      <c r="E56" s="5">
        <v>2024</v>
      </c>
    </row>
    <row r="57" spans="1:5" x14ac:dyDescent="0.5">
      <c r="A57" s="5">
        <v>250004</v>
      </c>
      <c r="B57" s="11" t="s">
        <v>124</v>
      </c>
      <c r="C57" s="12" t="s">
        <v>125</v>
      </c>
      <c r="D57" s="11" t="s">
        <v>126</v>
      </c>
      <c r="E57" s="5">
        <v>2025</v>
      </c>
    </row>
    <row r="58" spans="1:5" x14ac:dyDescent="0.5">
      <c r="A58" s="5">
        <v>250005</v>
      </c>
      <c r="B58" s="11" t="s">
        <v>127</v>
      </c>
      <c r="C58" s="11" t="s">
        <v>128</v>
      </c>
      <c r="D58" s="11" t="s">
        <v>129</v>
      </c>
      <c r="E58" s="5">
        <v>2024</v>
      </c>
    </row>
    <row r="59" spans="1:5" x14ac:dyDescent="0.5">
      <c r="A59" s="5">
        <v>250010</v>
      </c>
      <c r="B59" s="11" t="s">
        <v>130</v>
      </c>
      <c r="C59" s="11" t="s">
        <v>131</v>
      </c>
      <c r="D59" s="11" t="s">
        <v>132</v>
      </c>
      <c r="E59" s="5">
        <v>2023</v>
      </c>
    </row>
    <row r="60" spans="1:5" x14ac:dyDescent="0.5">
      <c r="A60" s="5">
        <v>250011</v>
      </c>
      <c r="B60" s="11" t="s">
        <v>133</v>
      </c>
      <c r="C60" s="11" t="s">
        <v>134</v>
      </c>
      <c r="D60" s="11" t="s">
        <v>135</v>
      </c>
      <c r="E60" s="5">
        <v>2025</v>
      </c>
    </row>
    <row r="61" spans="1:5" x14ac:dyDescent="0.55000000000000004">
      <c r="A61" s="6"/>
      <c r="B61" s="7"/>
      <c r="C61" s="7"/>
      <c r="D61" s="7"/>
      <c r="E61" s="9"/>
    </row>
    <row r="62" spans="1:5" x14ac:dyDescent="0.55000000000000004">
      <c r="A62" s="6"/>
      <c r="B62" s="7"/>
      <c r="C62" s="7"/>
      <c r="D62" s="7"/>
      <c r="E62" s="9"/>
    </row>
    <row r="63" spans="1:5" x14ac:dyDescent="0.55000000000000004">
      <c r="A63" s="6"/>
      <c r="B63" s="7"/>
      <c r="C63" s="7"/>
      <c r="D63" s="7"/>
      <c r="E63" s="9"/>
    </row>
    <row r="64" spans="1:5" x14ac:dyDescent="0.55000000000000004">
      <c r="A64" s="6"/>
      <c r="B64" s="7"/>
      <c r="C64" s="7"/>
      <c r="D64" s="7"/>
      <c r="E64" s="9"/>
    </row>
    <row r="65" spans="1:5" x14ac:dyDescent="0.55000000000000004">
      <c r="A65" s="6"/>
      <c r="B65" s="7"/>
      <c r="C65" s="7"/>
      <c r="D65" s="7"/>
      <c r="E65" s="9"/>
    </row>
    <row r="66" spans="1:5" x14ac:dyDescent="0.55000000000000004">
      <c r="A66" s="6"/>
      <c r="B66" s="7"/>
      <c r="C66" s="7"/>
      <c r="D66" s="7"/>
      <c r="E66" s="9"/>
    </row>
    <row r="67" spans="1:5" x14ac:dyDescent="0.55000000000000004">
      <c r="A67" s="6"/>
      <c r="B67" s="7"/>
      <c r="C67" s="7"/>
      <c r="D67" s="7"/>
      <c r="E67" s="9"/>
    </row>
    <row r="68" spans="1:5" x14ac:dyDescent="0.55000000000000004">
      <c r="A68" s="8"/>
      <c r="B68" s="8"/>
      <c r="C68" s="8"/>
      <c r="D68" s="8"/>
      <c r="E68" s="9"/>
    </row>
    <row r="69" spans="1:5" x14ac:dyDescent="0.55000000000000004">
      <c r="A69" s="8"/>
      <c r="B69" s="8"/>
      <c r="C69" s="8"/>
      <c r="D69" s="8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社会教育・生涯学習振興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2-18T23:50:18Z</dcterms:modified>
</cp:coreProperties>
</file>